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8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3-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3-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maasdrie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Graphics, schermopname&#10;&#10;Automatisch gegenereerde beschrijving">
            <a:extLst>
              <a:ext uri="{FF2B5EF4-FFF2-40B4-BE49-F238E27FC236}">
                <a16:creationId xmlns:a16="http://schemas.microsoft.com/office/drawing/2014/main" id="{0258EA39-8553-9EA0-C49C-9354AE87DDF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81016" y="4713210"/>
            <a:ext cx="1485967" cy="1899066"/>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Graphics, schermopname&#10;&#10;Automatisch gegenereerde beschrijving">
            <a:extLst>
              <a:ext uri="{FF2B5EF4-FFF2-40B4-BE49-F238E27FC236}">
                <a16:creationId xmlns:a16="http://schemas.microsoft.com/office/drawing/2014/main" id="{2E52FA13-60D7-1712-819B-12AD42AF50B4}"/>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665694" y="3993638"/>
            <a:ext cx="1013021" cy="1294641"/>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9-23T14:21:58Z</dcterms:modified>
</cp:coreProperties>
</file>